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3"/>
  </p:sldMasterIdLst>
  <p:sldIdLst>
    <p:sldId id="257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980" autoAdjust="0"/>
    <p:restoredTop sz="94660"/>
  </p:normalViewPr>
  <p:slideViewPr>
    <p:cSldViewPr snapToGrid="0">
      <p:cViewPr varScale="1">
        <p:scale>
          <a:sx n="96" d="100"/>
          <a:sy n="96" d="100"/>
        </p:scale>
        <p:origin x="86" y="125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Master" Target="slideMasters/slideMaster1.xml"/><Relationship Id="rId7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97A2710-7018-41D3-99B3-C2AD89F7749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C5A2A05-D58B-4547-86C1-2EBD3123979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2A5D1D-411F-4AEE-B31B-90C451A290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4AAB543-648E-4AD4-9A81-A9F83ADA28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6A5F5C8-0D8D-404B-9399-8EB678F9E3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530264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1FB48E-7575-4441-A724-C4227693C3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E6467BF-5713-4A76-92E9-42A0B624CAF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D6CF7D-72AF-4DD2-8DA2-89555C0B43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04F49D1-0DCE-4C66-9BDB-DBC5E9F8CD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68F13B3-D122-4A63-BC58-83B2198B3F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8958699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F6C1FF7F-0DAF-4356-B222-0CF2EAEA74E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4AC8B9A-50CC-4688-B0F2-B9799FD854A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2D62D37-214F-4F40-8620-F50E6216D0A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1007AF7-D0BC-4DEA-A9D2-6354C76A56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252511E-5616-4C9C-A180-F388D062D0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95292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38da896-67b8-4958-b1ab-18f3fb51f0a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GB" dirty="0"/>
              <a:t>Slide title, Ericsson Hilda Light 40pt, Ericsson Black, max 2-lines</a:t>
            </a:r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44ECCE6-4D94-443E-8C20-CA233A5C0572}"/>
              </a:ext>
            </a:extLst>
          </p:cNvPr>
          <p:cNvSpPr txBox="1"/>
          <p:nvPr userDrawn="1"/>
        </p:nvSpPr>
        <p:spPr>
          <a:xfrm>
            <a:off x="396000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GB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5" name="FirstDividerHider">
            <a:extLst>
              <a:ext uri="{FF2B5EF4-FFF2-40B4-BE49-F238E27FC236}">
                <a16:creationId xmlns:a16="http://schemas.microsoft.com/office/drawing/2014/main" id="{CA0A38D4-B093-4CE6-9935-648A137BFECE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GB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2873149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4EBD7D-E3DD-4EE9-8FC8-4A776DD6D7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02DB559-EC77-40F6-8C7A-9320318A0D1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0150BEE-BDB2-49A9-8E33-AFFD528481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9378DF9-D95D-4930-BF74-9849BF6A8B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ED96094-BDD0-4B9A-98D6-DAB2B1E6BE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3904918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BBC343-DD29-4ED9-9A64-3B865702A8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1728EC2-20A4-4DFF-8D4C-B4012E37AF9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977626-1311-4998-83CC-731EB9008A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177A17-2FBC-4853-8ECA-E6217C07DD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9390E07-E4B4-4CA3-8861-DF646A6A29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008449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BAA7843-7681-4952-9C87-25CA051B046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A035F25-1500-4500-9368-8222C741470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868D0CE-60E2-4641-8B7E-85AFC9404B1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02D29E6-ADA0-4D93-AB9A-1F76850B2D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BCD7D46-13FF-4667-915F-AB87088A650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AD8EE79-E650-445A-BA99-D6C8B4BBA6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774691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C83481-4128-4E9C-83FD-790DE35F5A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C3EB383-C856-480B-B36D-02474041F20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FAD5F3F-C391-461E-9AA9-F9ED11C3DA0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8640FF3-1E74-4A8B-A4C5-9B476D12D7A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624E005-E4AE-4383-B953-5CC32DBD243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CAEA0B-4969-4D1F-84EE-41DA91FB48F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519CCC8-5FE2-4529-95CA-BD9BF3D68D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CE00B0E-E552-4F5A-A1CB-B286489EF3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8306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0FD03D-F9F9-4B69-8240-0CF1F66B1BF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AA80E1C-583A-4DE8-A306-6A8073B841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8638D9B-738C-4C91-BF76-90B4DCECF1D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E65E4E1-B1B2-4377-875A-9DB10373AF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1884096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03BDC86-5B4A-46EA-B0E7-3AD6D54C1A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2A9E0F3-888F-4A0E-B234-ADB87F45A1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B61A2AF-921C-4BCC-B1E7-4DE7F61F93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22706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4BE3D2-3165-4C8E-A420-254347E77C8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B190DE3-94B3-4AC5-811A-292C1BC6774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BC4C7C8-6F7D-4C8E-879A-B2BF3335410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2A861D0-98CD-4E94-9E5F-9C92442617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D87C0B4-976C-4120-A33D-A74789AFD6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2CFFF92-C98C-4997-97F9-D6B69C7BFB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179819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EBCC49D-FA54-49F1-9775-903C30303E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04545DC-4DA4-46FF-B939-E19F0716C97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E2803F7-2AEA-43F2-A2DA-A3159A0E338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EDD57ED-9E96-46EB-9C9B-907FD81B86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68D270F-4C19-4865-9D14-27CD023C8B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AC03DA3-612F-4E43-B8B7-98046C2490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474166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1BB0C01-352A-4113-844B-E3FBF05B90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1A345E2-B5A0-4A0E-A32D-A6024AB56B3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7AA82D7-3990-47D5-8377-7F649D5E046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1CEAAFA-E660-41A6-90B5-89C228994D0A}" type="datetimeFigureOut">
              <a:rPr lang="en-US" smtClean="0"/>
              <a:t>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FE69EBB-4616-401B-B09A-54AEE89BAE6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67BAD5D-7AD4-4D08-923B-CC47FFC6E7E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040954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1.xml"/><Relationship Id="rId4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F8A051-532E-4352-9AC0-5B3FC87DD9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17526" y="128235"/>
            <a:ext cx="8353425" cy="1081088"/>
          </a:xfrm>
        </p:spPr>
        <p:txBody>
          <a:bodyPr/>
          <a:lstStyle/>
          <a:p>
            <a:r>
              <a:rPr lang="en-US" dirty="0" err="1"/>
              <a:t>Havish’s</a:t>
            </a:r>
            <a:r>
              <a:rPr lang="en-US" dirty="0"/>
              <a:t> GTW schedule for Week 2</a:t>
            </a:r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C089FF8D-D54F-4847-92A7-7E6E72E19CD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92157658"/>
              </p:ext>
            </p:extLst>
          </p:nvPr>
        </p:nvGraphicFramePr>
        <p:xfrm>
          <a:off x="786580" y="1561905"/>
          <a:ext cx="10618840" cy="409942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123768">
                  <a:extLst>
                    <a:ext uri="{9D8B030D-6E8A-4147-A177-3AD203B41FA5}">
                      <a16:colId xmlns:a16="http://schemas.microsoft.com/office/drawing/2014/main" val="1054303713"/>
                    </a:ext>
                  </a:extLst>
                </a:gridCol>
                <a:gridCol w="2123768">
                  <a:extLst>
                    <a:ext uri="{9D8B030D-6E8A-4147-A177-3AD203B41FA5}">
                      <a16:colId xmlns:a16="http://schemas.microsoft.com/office/drawing/2014/main" val="2399812373"/>
                    </a:ext>
                  </a:extLst>
                </a:gridCol>
                <a:gridCol w="2123768">
                  <a:extLst>
                    <a:ext uri="{9D8B030D-6E8A-4147-A177-3AD203B41FA5}">
                      <a16:colId xmlns:a16="http://schemas.microsoft.com/office/drawing/2014/main" val="2966322388"/>
                    </a:ext>
                  </a:extLst>
                </a:gridCol>
                <a:gridCol w="2123768">
                  <a:extLst>
                    <a:ext uri="{9D8B030D-6E8A-4147-A177-3AD203B41FA5}">
                      <a16:colId xmlns:a16="http://schemas.microsoft.com/office/drawing/2014/main" val="3717550417"/>
                    </a:ext>
                  </a:extLst>
                </a:gridCol>
                <a:gridCol w="2123768">
                  <a:extLst>
                    <a:ext uri="{9D8B030D-6E8A-4147-A177-3AD203B41FA5}">
                      <a16:colId xmlns:a16="http://schemas.microsoft.com/office/drawing/2014/main" val="3490840414"/>
                    </a:ext>
                  </a:extLst>
                </a:gridCol>
              </a:tblGrid>
              <a:tr h="669231">
                <a:tc>
                  <a:txBody>
                    <a:bodyPr/>
                    <a:lstStyle/>
                    <a:p>
                      <a:r>
                        <a:rPr lang="en-US" dirty="0"/>
                        <a:t>Topi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Monda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Tuesda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Wednesda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Thursda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67712808"/>
                  </a:ext>
                </a:extLst>
              </a:tr>
              <a:tr h="669231">
                <a:tc>
                  <a:txBody>
                    <a:bodyPr/>
                    <a:lstStyle/>
                    <a:p>
                      <a:r>
                        <a:rPr lang="en-US" dirty="0"/>
                        <a:t>8.2: 52-71 GHz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2.5(1), 8.2.5(2), 8.2.6, …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2.3, 8.2.4, 8.2.1, 8.2.2, …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2.2, 8.2.4, 8.2.1, 8.2.5(1), 8.2.6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53309904"/>
                  </a:ext>
                </a:extLst>
              </a:tr>
              <a:tr h="669231">
                <a:tc>
                  <a:txBody>
                    <a:bodyPr/>
                    <a:lstStyle/>
                    <a:p>
                      <a:r>
                        <a:rPr lang="en-US" dirty="0"/>
                        <a:t>8.4: NT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4.2, 8.4.4, 8.4.1, 8.4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4.1(?), 8.4.2, 8.4.3, 8.4.4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4460273"/>
                  </a:ext>
                </a:extLst>
              </a:tr>
              <a:tr h="669231">
                <a:tc>
                  <a:txBody>
                    <a:bodyPr/>
                    <a:lstStyle/>
                    <a:p>
                      <a:r>
                        <a:rPr lang="en-US" dirty="0"/>
                        <a:t>8.5: </a:t>
                      </a:r>
                      <a:r>
                        <a:rPr lang="en-US" dirty="0" err="1"/>
                        <a:t>ePo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8.5.1, 8.5.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5.3, 8.5.2, 8.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5.1, 8.5.3, …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76105809"/>
                  </a:ext>
                </a:extLst>
              </a:tr>
              <a:tr h="669231">
                <a:tc>
                  <a:txBody>
                    <a:bodyPr/>
                    <a:lstStyle/>
                    <a:p>
                      <a:r>
                        <a:rPr lang="en-US" dirty="0"/>
                        <a:t>8.12: MB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12.2</a:t>
                      </a:r>
                      <a:r>
                        <a:rPr lang="en-US"/>
                        <a:t>, 8.12.3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12.3, 8.12.1, 8.12.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12.2, 8.12.1, 8.12.3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15256725"/>
                  </a:ext>
                </a:extLst>
              </a:tr>
              <a:tr h="753269">
                <a:tc>
                  <a:txBody>
                    <a:bodyPr/>
                    <a:lstStyle/>
                    <a:p>
                      <a:r>
                        <a:rPr lang="en-US" dirty="0"/>
                        <a:t>8.15: </a:t>
                      </a:r>
                      <a:r>
                        <a:rPr lang="en-US" dirty="0" err="1"/>
                        <a:t>eMTC</a:t>
                      </a:r>
                      <a:r>
                        <a:rPr lang="en-US" dirty="0"/>
                        <a:t>/NB-IOT over NT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15.3, 8.15.1, 8.15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15.1</a:t>
                      </a:r>
                      <a:r>
                        <a:rPr lang="en-US"/>
                        <a:t>, 8.15.4, 8.15.2, 8.15.3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30550115"/>
                  </a:ext>
                </a:extLst>
              </a:tr>
            </a:tbl>
          </a:graphicData>
        </a:graphic>
      </p:graphicFrame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10000714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98398340486642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item1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documentContentValidatorConfiguration":{"enableDocumentContentValidator":false,"documentContentValidatorVersion":0},"elementsMetadata":[],"slideId":"637461454625286543","enableDocumentContentUpdater":true,"version":"1.9"}]]></TemplafySlideTemplateConfiguration>
</file>

<file path=customXml/itemProps1.xml><?xml version="1.0" encoding="utf-8"?>
<ds:datastoreItem xmlns:ds="http://schemas.openxmlformats.org/officeDocument/2006/customXml" ds:itemID="{070F1321-CCC2-4C4E-B460-D20C858E3929}">
  <ds:schemaRefs/>
</ds:datastoreItem>
</file>

<file path=customXml/itemProps2.xml><?xml version="1.0" encoding="utf-8"?>
<ds:datastoreItem xmlns:ds="http://schemas.openxmlformats.org/officeDocument/2006/customXml" ds:itemID="{E189D82E-1B4D-4C0E-85D2-76C01374CEE7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4134</TotalTime>
  <Words>115</Words>
  <Application>Microsoft Office PowerPoint</Application>
  <PresentationFormat>Widescreen</PresentationFormat>
  <Paragraphs>31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Ericsson Hilda</vt:lpstr>
      <vt:lpstr>Office Theme</vt:lpstr>
      <vt:lpstr>Havish’s GTW schedule for Week 2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Ericsson</dc:creator>
  <cp:lastModifiedBy>Ericsson</cp:lastModifiedBy>
  <cp:revision>44</cp:revision>
  <dcterms:created xsi:type="dcterms:W3CDTF">2021-02-01T19:20:47Z</dcterms:created>
  <dcterms:modified xsi:type="dcterms:W3CDTF">2021-02-04T20:20:33Z</dcterms:modified>
</cp:coreProperties>
</file>